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507\04_法人指導グループ\100_その他\08_歯科技工所\02_毎月のHP更新起案・データ\R7\202601\１月分\"/>
    </mc:Choice>
  </mc:AlternateContent>
  <xr:revisionPtr revIDLastSave="0" documentId="13_ncr:1_{CBA3BDE7-22E3-4E10-8E9F-C521B69015AE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鎌倉HWC_20250501" sheetId="1" r:id="rId1"/>
  </sheets>
  <definedNames>
    <definedName name="_xlnm.Print_Area" localSheetId="0">鎌倉HWC_20250501!$A$1:$G$37</definedName>
    <definedName name="_xlnm.Print_Titles" localSheetId="0">鎌倉HWC_20250501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8" uniqueCount="133">
  <si>
    <t>届出歯科技工所一覧（鎌倉保健福祉事務所）</t>
    <rPh sb="0" eb="2">
      <t>トドケデ</t>
    </rPh>
    <rPh sb="2" eb="4">
      <t>シカ</t>
    </rPh>
    <rPh sb="4" eb="6">
      <t>ギコウ</t>
    </rPh>
    <rPh sb="6" eb="7">
      <t>ショ</t>
    </rPh>
    <rPh sb="7" eb="9">
      <t>イチラン</t>
    </rPh>
    <rPh sb="10" eb="12">
      <t>カマクラ</t>
    </rPh>
    <rPh sb="12" eb="19">
      <t>ホケンフクシジムショ</t>
    </rPh>
    <phoneticPr fontId="2"/>
  </si>
  <si>
    <t>※掲載されていても、既に廃業等している場合がありますのでご了承ください。</t>
    <rPh sb="1" eb="3">
      <t>ケイサイ</t>
    </rPh>
    <rPh sb="10" eb="11">
      <t>スデ</t>
    </rPh>
    <rPh sb="12" eb="14">
      <t>ハイギョウ</t>
    </rPh>
    <rPh sb="14" eb="15">
      <t>ナド</t>
    </rPh>
    <rPh sb="19" eb="21">
      <t>バアイ</t>
    </rPh>
    <rPh sb="29" eb="31">
      <t>リョウショウ</t>
    </rPh>
    <phoneticPr fontId="2"/>
  </si>
  <si>
    <t>管理番号</t>
    <rPh sb="0" eb="2">
      <t>カンリ</t>
    </rPh>
    <rPh sb="2" eb="4">
      <t>バンゴウ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開設者</t>
    <rPh sb="0" eb="2">
      <t>カイセツ</t>
    </rPh>
    <rPh sb="2" eb="3">
      <t>シャ</t>
    </rPh>
    <phoneticPr fontId="2"/>
  </si>
  <si>
    <t>備考</t>
    <rPh sb="0" eb="2">
      <t>ビコウ</t>
    </rPh>
    <phoneticPr fontId="2"/>
  </si>
  <si>
    <t>　神奈川県-鎌倉-2</t>
    <rPh sb="1" eb="5">
      <t>カナガワケン</t>
    </rPh>
    <rPh sb="6" eb="8">
      <t>カマクラ</t>
    </rPh>
    <phoneticPr fontId="2"/>
  </si>
  <si>
    <t>株式会社アシスト</t>
    <rPh sb="0" eb="2">
      <t>カブシキ</t>
    </rPh>
    <rPh sb="2" eb="4">
      <t>カイシャ</t>
    </rPh>
    <phoneticPr fontId="7"/>
  </si>
  <si>
    <t>鎌倉市岩瀬１－１１－２５</t>
    <rPh sb="0" eb="3">
      <t>カマクラシ</t>
    </rPh>
    <rPh sb="3" eb="5">
      <t>イワセ</t>
    </rPh>
    <phoneticPr fontId="7"/>
  </si>
  <si>
    <t>　神奈川県-鎌倉-3</t>
    <rPh sb="1" eb="5">
      <t>カナガワケン</t>
    </rPh>
    <rPh sb="6" eb="8">
      <t>カマクラ</t>
    </rPh>
    <phoneticPr fontId="2"/>
  </si>
  <si>
    <t>株式会社デントハウス</t>
    <phoneticPr fontId="7"/>
  </si>
  <si>
    <t>鎌倉市岩瀬６０１－３</t>
    <rPh sb="0" eb="3">
      <t>カマクラシ</t>
    </rPh>
    <rPh sb="3" eb="5">
      <t>イワセ</t>
    </rPh>
    <phoneticPr fontId="7"/>
  </si>
  <si>
    <t>　神奈川県-鎌倉-4</t>
    <rPh sb="1" eb="5">
      <t>カナガワケン</t>
    </rPh>
    <rPh sb="6" eb="8">
      <t>カマクラ</t>
    </rPh>
    <phoneticPr fontId="2"/>
  </si>
  <si>
    <t>デンタルラボ・アースワーク</t>
    <phoneticPr fontId="7"/>
  </si>
  <si>
    <t>鎌倉市大船４－１９－４２</t>
    <rPh sb="0" eb="3">
      <t>カマクラシ</t>
    </rPh>
    <rPh sb="3" eb="5">
      <t>オオフナ</t>
    </rPh>
    <phoneticPr fontId="7"/>
  </si>
  <si>
    <t>加藤　一実</t>
    <rPh sb="0" eb="2">
      <t>カトウ</t>
    </rPh>
    <rPh sb="3" eb="4">
      <t>イチ</t>
    </rPh>
    <rPh sb="4" eb="5">
      <t>ミ</t>
    </rPh>
    <phoneticPr fontId="7"/>
  </si>
  <si>
    <t>　神奈川県-鎌倉-5</t>
    <rPh sb="1" eb="5">
      <t>カナガワケン</t>
    </rPh>
    <rPh sb="6" eb="8">
      <t>カマクラ</t>
    </rPh>
    <phoneticPr fontId="2"/>
  </si>
  <si>
    <t>橋本デンタルテクニック</t>
    <rPh sb="0" eb="2">
      <t>ハシモト</t>
    </rPh>
    <phoneticPr fontId="6"/>
  </si>
  <si>
    <t>鎌倉市梶原２－１７－４</t>
    <rPh sb="0" eb="3">
      <t>カマクラシ</t>
    </rPh>
    <rPh sb="3" eb="5">
      <t>カジワラ</t>
    </rPh>
    <phoneticPr fontId="7"/>
  </si>
  <si>
    <t>橋本　淳一</t>
    <rPh sb="0" eb="2">
      <t>ハシモト</t>
    </rPh>
    <rPh sb="3" eb="5">
      <t>ジュンイチ</t>
    </rPh>
    <phoneticPr fontId="7"/>
  </si>
  <si>
    <t>　神奈川県-鎌倉-6</t>
    <rPh sb="1" eb="5">
      <t>カナガワケン</t>
    </rPh>
    <rPh sb="6" eb="8">
      <t>カマクラ</t>
    </rPh>
    <phoneticPr fontId="2"/>
  </si>
  <si>
    <t>IDイシイデンタル工房</t>
    <rPh sb="9" eb="11">
      <t>コウボウ</t>
    </rPh>
    <phoneticPr fontId="6"/>
  </si>
  <si>
    <t>鎌倉市鎌倉山３－４－３－１</t>
    <rPh sb="0" eb="3">
      <t>カマクラシ</t>
    </rPh>
    <rPh sb="3" eb="6">
      <t>カマクラヤマ</t>
    </rPh>
    <phoneticPr fontId="7"/>
  </si>
  <si>
    <t>石井　高行</t>
    <rPh sb="0" eb="2">
      <t>イシイ</t>
    </rPh>
    <rPh sb="3" eb="5">
      <t>タカユキ</t>
    </rPh>
    <phoneticPr fontId="7"/>
  </si>
  <si>
    <t>　神奈川県-鎌倉-7</t>
    <rPh sb="1" eb="5">
      <t>カナガワケン</t>
    </rPh>
    <rPh sb="6" eb="8">
      <t>カマクラ</t>
    </rPh>
    <phoneticPr fontId="2"/>
  </si>
  <si>
    <t>有限会社キッズ</t>
    <phoneticPr fontId="7"/>
  </si>
  <si>
    <t>鎌倉市材木座４－１－３</t>
    <rPh sb="0" eb="3">
      <t>カマクラシ</t>
    </rPh>
    <rPh sb="3" eb="6">
      <t>ザイモクザ</t>
    </rPh>
    <phoneticPr fontId="7"/>
  </si>
  <si>
    <t>　神奈川県-鎌倉-8</t>
    <rPh sb="1" eb="5">
      <t>カナガワケン</t>
    </rPh>
    <rPh sb="6" eb="8">
      <t>カマクラ</t>
    </rPh>
    <phoneticPr fontId="2"/>
  </si>
  <si>
    <t>curio Dental Labo 鎌倉</t>
    <rPh sb="18" eb="20">
      <t>カマクラ</t>
    </rPh>
    <phoneticPr fontId="7"/>
  </si>
  <si>
    <t>鎌倉市高野２２－１６</t>
    <rPh sb="0" eb="3">
      <t>カマクラシ</t>
    </rPh>
    <rPh sb="3" eb="5">
      <t>タカノ</t>
    </rPh>
    <phoneticPr fontId="7"/>
  </si>
  <si>
    <t>鬼塚　浩靖</t>
    <rPh sb="0" eb="2">
      <t>オニヅカ</t>
    </rPh>
    <rPh sb="3" eb="4">
      <t>ヒロシ</t>
    </rPh>
    <rPh sb="4" eb="5">
      <t>ヤスシ</t>
    </rPh>
    <phoneticPr fontId="7"/>
  </si>
  <si>
    <t>　神奈川県-鎌倉-9</t>
    <rPh sb="1" eb="5">
      <t>カナガワケン</t>
    </rPh>
    <rPh sb="6" eb="8">
      <t>カマクラ</t>
    </rPh>
    <phoneticPr fontId="2"/>
  </si>
  <si>
    <t>マコト・ラボ</t>
    <phoneticPr fontId="7"/>
  </si>
  <si>
    <t>鎌倉市津西１－８－５</t>
    <rPh sb="0" eb="3">
      <t>カマクラシ</t>
    </rPh>
    <rPh sb="3" eb="5">
      <t>ツニシ</t>
    </rPh>
    <phoneticPr fontId="7"/>
  </si>
  <si>
    <t>青山　誠</t>
    <rPh sb="0" eb="2">
      <t>アオヤマ</t>
    </rPh>
    <rPh sb="3" eb="4">
      <t>マコト</t>
    </rPh>
    <phoneticPr fontId="7"/>
  </si>
  <si>
    <t>　神奈川県-鎌倉-10</t>
    <rPh sb="1" eb="5">
      <t>カナガワケン</t>
    </rPh>
    <rPh sb="6" eb="8">
      <t>カマクラ</t>
    </rPh>
    <phoneticPr fontId="2"/>
  </si>
  <si>
    <t>デンタルラボサーチ</t>
    <phoneticPr fontId="7"/>
  </si>
  <si>
    <t>鎌倉市手広１－１１－１２－１０２</t>
    <rPh sb="0" eb="3">
      <t>カマクラシ</t>
    </rPh>
    <rPh sb="3" eb="5">
      <t>テビロ</t>
    </rPh>
    <phoneticPr fontId="7"/>
  </si>
  <si>
    <t>宮澤   修</t>
    <rPh sb="0" eb="2">
      <t>ミヤザワ</t>
    </rPh>
    <rPh sb="5" eb="6">
      <t>オサム</t>
    </rPh>
    <phoneticPr fontId="7"/>
  </si>
  <si>
    <t>　神奈川県-鎌倉-11</t>
    <rPh sb="1" eb="5">
      <t>カナガワケン</t>
    </rPh>
    <rPh sb="6" eb="8">
      <t>カマクラ</t>
    </rPh>
    <phoneticPr fontId="2"/>
  </si>
  <si>
    <t>平尾歯科補綴</t>
    <rPh sb="0" eb="2">
      <t>ヒラオ</t>
    </rPh>
    <rPh sb="2" eb="4">
      <t>シカ</t>
    </rPh>
    <rPh sb="4" eb="5">
      <t>ホ</t>
    </rPh>
    <rPh sb="5" eb="6">
      <t>テツ</t>
    </rPh>
    <phoneticPr fontId="7"/>
  </si>
  <si>
    <t>平尾　幸夫</t>
    <rPh sb="0" eb="2">
      <t>ヒラオ</t>
    </rPh>
    <rPh sb="3" eb="5">
      <t>ユキオ</t>
    </rPh>
    <phoneticPr fontId="7"/>
  </si>
  <si>
    <t>　神奈川県-鎌倉-12</t>
    <rPh sb="1" eb="5">
      <t>カナガワケン</t>
    </rPh>
    <rPh sb="6" eb="8">
      <t>カマクラ</t>
    </rPh>
    <phoneticPr fontId="2"/>
  </si>
  <si>
    <t>グリーンデンタル</t>
    <phoneticPr fontId="7"/>
  </si>
  <si>
    <t>鎌倉市寺分 １－４－３</t>
    <rPh sb="0" eb="2">
      <t>カマクラ</t>
    </rPh>
    <rPh sb="2" eb="3">
      <t>シ</t>
    </rPh>
    <rPh sb="3" eb="5">
      <t>テラブン</t>
    </rPh>
    <phoneticPr fontId="7"/>
  </si>
  <si>
    <t>森　敏一</t>
    <rPh sb="0" eb="1">
      <t>モリ</t>
    </rPh>
    <rPh sb="2" eb="4">
      <t>トシカズ</t>
    </rPh>
    <phoneticPr fontId="7"/>
  </si>
  <si>
    <t>　神奈川県-鎌倉-13</t>
    <rPh sb="1" eb="5">
      <t>カナガワケン</t>
    </rPh>
    <rPh sb="6" eb="8">
      <t>カマクラ</t>
    </rPh>
    <phoneticPr fontId="2"/>
  </si>
  <si>
    <t>オオタ・ラボ</t>
    <phoneticPr fontId="7"/>
  </si>
  <si>
    <t>鎌倉市寺分３－１４－５</t>
    <rPh sb="0" eb="3">
      <t>カマクラシ</t>
    </rPh>
    <rPh sb="3" eb="5">
      <t>テラブン</t>
    </rPh>
    <phoneticPr fontId="7"/>
  </si>
  <si>
    <t>太田　晴基</t>
    <rPh sb="0" eb="2">
      <t>オオタ</t>
    </rPh>
    <rPh sb="3" eb="4">
      <t>ハルキ</t>
    </rPh>
    <rPh sb="4" eb="5">
      <t>モト</t>
    </rPh>
    <phoneticPr fontId="7"/>
  </si>
  <si>
    <t>　神奈川県-鎌倉-14</t>
    <rPh sb="1" eb="5">
      <t>カナガワケン</t>
    </rPh>
    <rPh sb="6" eb="8">
      <t>カマクラ</t>
    </rPh>
    <phoneticPr fontId="2"/>
  </si>
  <si>
    <t>八木歯研</t>
    <rPh sb="0" eb="2">
      <t>ヤギ</t>
    </rPh>
    <rPh sb="2" eb="3">
      <t>ハ</t>
    </rPh>
    <rPh sb="3" eb="4">
      <t>ケン</t>
    </rPh>
    <phoneticPr fontId="7"/>
  </si>
  <si>
    <t>鎌倉市西鎌倉１－２０－１５</t>
    <rPh sb="0" eb="3">
      <t>カマクラシ</t>
    </rPh>
    <rPh sb="3" eb="6">
      <t>ニシカマクラ</t>
    </rPh>
    <phoneticPr fontId="7"/>
  </si>
  <si>
    <t>八木　孝之</t>
    <rPh sb="0" eb="2">
      <t>ヤギ</t>
    </rPh>
    <rPh sb="3" eb="5">
      <t>タカユキ</t>
    </rPh>
    <phoneticPr fontId="7"/>
  </si>
  <si>
    <t>　神奈川県-鎌倉-15</t>
    <rPh sb="1" eb="5">
      <t>カナガワケン</t>
    </rPh>
    <rPh sb="6" eb="8">
      <t>カマクラ</t>
    </rPh>
    <phoneticPr fontId="2"/>
  </si>
  <si>
    <t>東京コーツ</t>
    <rPh sb="0" eb="2">
      <t>トウキョウ</t>
    </rPh>
    <phoneticPr fontId="7"/>
  </si>
  <si>
    <t>鎌倉市長谷２－２－７</t>
    <rPh sb="0" eb="3">
      <t>カマクラシ</t>
    </rPh>
    <rPh sb="3" eb="5">
      <t>ハセ</t>
    </rPh>
    <phoneticPr fontId="7"/>
  </si>
  <si>
    <t>津田　宏</t>
    <rPh sb="0" eb="2">
      <t>ツダ</t>
    </rPh>
    <rPh sb="3" eb="4">
      <t>ヒロシ</t>
    </rPh>
    <phoneticPr fontId="7"/>
  </si>
  <si>
    <t>　神奈川県-鎌倉-16</t>
    <rPh sb="1" eb="5">
      <t>カナガワケン</t>
    </rPh>
    <rPh sb="6" eb="8">
      <t>カマクラ</t>
    </rPh>
    <phoneticPr fontId="2"/>
  </si>
  <si>
    <t>(株)HORIZON  Dental Art EXE 鎌倉</t>
    <rPh sb="0" eb="3">
      <t>カブシキガイシャ</t>
    </rPh>
    <rPh sb="27" eb="29">
      <t>カマクラ</t>
    </rPh>
    <phoneticPr fontId="7"/>
  </si>
  <si>
    <t>鎌倉市笛田２－１－２６　高橋ビル２階Ｄ号室</t>
    <rPh sb="0" eb="3">
      <t>カマクラシ</t>
    </rPh>
    <rPh sb="3" eb="5">
      <t>フエタ</t>
    </rPh>
    <rPh sb="12" eb="14">
      <t>タカハシ</t>
    </rPh>
    <rPh sb="17" eb="18">
      <t>カイ</t>
    </rPh>
    <rPh sb="19" eb="20">
      <t>ゴウ</t>
    </rPh>
    <rPh sb="20" eb="21">
      <t>シツ</t>
    </rPh>
    <phoneticPr fontId="7"/>
  </si>
  <si>
    <t>株式会社HORIZON</t>
    <rPh sb="0" eb="2">
      <t>カブシキ</t>
    </rPh>
    <rPh sb="2" eb="4">
      <t>カイシャ</t>
    </rPh>
    <phoneticPr fontId="7"/>
  </si>
  <si>
    <t>　神奈川県-鎌倉-17</t>
    <rPh sb="1" eb="5">
      <t>カナガワケン</t>
    </rPh>
    <rPh sb="6" eb="8">
      <t>カマクラ</t>
    </rPh>
    <phoneticPr fontId="2"/>
  </si>
  <si>
    <t>株式会社ホワイトデンタルラボ鎌倉</t>
    <rPh sb="0" eb="4">
      <t>カブシキガイシャ</t>
    </rPh>
    <rPh sb="14" eb="16">
      <t>カマクラ</t>
    </rPh>
    <phoneticPr fontId="7"/>
  </si>
  <si>
    <t>鎌倉市山崎１２２０－５</t>
    <rPh sb="0" eb="3">
      <t>カマクラシ</t>
    </rPh>
    <rPh sb="3" eb="5">
      <t>ヤマサキ</t>
    </rPh>
    <phoneticPr fontId="7"/>
  </si>
  <si>
    <t>株式会社ホワイトデンタルラボ鎌倉</t>
    <rPh sb="0" eb="2">
      <t>カブシキ</t>
    </rPh>
    <rPh sb="2" eb="4">
      <t>カイシャ</t>
    </rPh>
    <rPh sb="14" eb="16">
      <t>カマクラ</t>
    </rPh>
    <phoneticPr fontId="7"/>
  </si>
  <si>
    <t>　神奈川県-鎌倉-18</t>
    <rPh sb="1" eb="5">
      <t>カナガワケン</t>
    </rPh>
    <rPh sb="6" eb="8">
      <t>カマクラ</t>
    </rPh>
    <phoneticPr fontId="2"/>
  </si>
  <si>
    <t>トミタデンタルラボ</t>
    <phoneticPr fontId="7"/>
  </si>
  <si>
    <t>鎌倉市山崎１２９５</t>
    <rPh sb="0" eb="3">
      <t>カマクラシ</t>
    </rPh>
    <rPh sb="3" eb="5">
      <t>ヤマザキ</t>
    </rPh>
    <phoneticPr fontId="7"/>
  </si>
  <si>
    <t>富田　秀和</t>
    <rPh sb="0" eb="2">
      <t>トミタ</t>
    </rPh>
    <rPh sb="3" eb="5">
      <t>ヒデカズ</t>
    </rPh>
    <phoneticPr fontId="7"/>
  </si>
  <si>
    <t>　神奈川県-鎌倉-19</t>
    <rPh sb="1" eb="5">
      <t>カナガワケン</t>
    </rPh>
    <rPh sb="6" eb="8">
      <t>カマクラ</t>
    </rPh>
    <phoneticPr fontId="2"/>
  </si>
  <si>
    <t>合同会社Marco</t>
    <rPh sb="0" eb="2">
      <t>ゴウドウ</t>
    </rPh>
    <rPh sb="2" eb="4">
      <t>ガイシャ</t>
    </rPh>
    <phoneticPr fontId="7"/>
  </si>
  <si>
    <t>鎌倉市由比ガ浜３－１１－２２　２Ｆ</t>
    <rPh sb="0" eb="3">
      <t>カマクラシ</t>
    </rPh>
    <rPh sb="3" eb="5">
      <t>ユイ</t>
    </rPh>
    <rPh sb="6" eb="7">
      <t>ハマ</t>
    </rPh>
    <phoneticPr fontId="7"/>
  </si>
  <si>
    <t>　神奈川県-鎌倉-20</t>
    <rPh sb="1" eb="5">
      <t>カナガワケン</t>
    </rPh>
    <rPh sb="6" eb="8">
      <t>カマクラ</t>
    </rPh>
    <phoneticPr fontId="2"/>
  </si>
  <si>
    <t>パール・デンタル・ラボラトリー</t>
  </si>
  <si>
    <t>逗子市池子２－２－６</t>
    <rPh sb="0" eb="3">
      <t>ズシシ</t>
    </rPh>
    <rPh sb="3" eb="5">
      <t>イケゴ</t>
    </rPh>
    <phoneticPr fontId="6"/>
  </si>
  <si>
    <t>只川　憲一</t>
    <rPh sb="0" eb="1">
      <t>タダ</t>
    </rPh>
    <rPh sb="1" eb="2">
      <t>カワ</t>
    </rPh>
    <rPh sb="3" eb="4">
      <t>アキラ</t>
    </rPh>
    <rPh sb="4" eb="5">
      <t>イチ</t>
    </rPh>
    <phoneticPr fontId="6"/>
  </si>
  <si>
    <t>　神奈川県-鎌倉-21</t>
    <rPh sb="1" eb="5">
      <t>カナガワケン</t>
    </rPh>
    <rPh sb="6" eb="8">
      <t>カマクラ</t>
    </rPh>
    <phoneticPr fontId="2"/>
  </si>
  <si>
    <t>A-OKオーソデンタル</t>
  </si>
  <si>
    <t>逗子市小坪１－２３－７－２F</t>
    <rPh sb="0" eb="3">
      <t>ズシシ</t>
    </rPh>
    <rPh sb="3" eb="5">
      <t>コツボ</t>
    </rPh>
    <phoneticPr fontId="6"/>
  </si>
  <si>
    <t>村澤　多恵子</t>
    <rPh sb="0" eb="1">
      <t>ムラ</t>
    </rPh>
    <rPh sb="1" eb="2">
      <t>サワ</t>
    </rPh>
    <rPh sb="3" eb="6">
      <t>タエコ</t>
    </rPh>
    <phoneticPr fontId="6"/>
  </si>
  <si>
    <t>　神奈川県-鎌倉-22</t>
    <rPh sb="1" eb="5">
      <t>カナガワケン</t>
    </rPh>
    <rPh sb="6" eb="8">
      <t>カマクラ</t>
    </rPh>
    <phoneticPr fontId="2"/>
  </si>
  <si>
    <t>ナガサワデンタルプロダクツ</t>
    <phoneticPr fontId="7"/>
  </si>
  <si>
    <t>逗子市桜山６－１５－７－１０２</t>
    <rPh sb="0" eb="3">
      <t>ズシシ</t>
    </rPh>
    <rPh sb="3" eb="5">
      <t>サクラヤマ</t>
    </rPh>
    <phoneticPr fontId="6"/>
  </si>
  <si>
    <t>永澤　貴則</t>
    <rPh sb="0" eb="1">
      <t>ヒサシ</t>
    </rPh>
    <rPh sb="1" eb="2">
      <t>サワ</t>
    </rPh>
    <rPh sb="3" eb="4">
      <t>キ</t>
    </rPh>
    <rPh sb="4" eb="5">
      <t>ノリ</t>
    </rPh>
    <phoneticPr fontId="6"/>
  </si>
  <si>
    <t>　神奈川県-鎌倉-23</t>
    <rPh sb="1" eb="5">
      <t>カナガワケン</t>
    </rPh>
    <rPh sb="6" eb="8">
      <t>カマクラ</t>
    </rPh>
    <phoneticPr fontId="2"/>
  </si>
  <si>
    <t>大西デンタルラボラトリー</t>
    <rPh sb="0" eb="2">
      <t>オオニシ</t>
    </rPh>
    <phoneticPr fontId="6"/>
  </si>
  <si>
    <t>逗子市新宿１－１－１９</t>
    <rPh sb="0" eb="3">
      <t>ズシシ</t>
    </rPh>
    <rPh sb="3" eb="5">
      <t>シンジュク</t>
    </rPh>
    <phoneticPr fontId="6"/>
  </si>
  <si>
    <t>大西　淳也</t>
    <rPh sb="0" eb="1">
      <t>ダイ</t>
    </rPh>
    <rPh sb="1" eb="2">
      <t>ニシ</t>
    </rPh>
    <rPh sb="3" eb="4">
      <t>ジュン</t>
    </rPh>
    <rPh sb="4" eb="5">
      <t>ヤ</t>
    </rPh>
    <phoneticPr fontId="6"/>
  </si>
  <si>
    <t>　神奈川県-鎌倉-24</t>
    <rPh sb="1" eb="5">
      <t>カナガワケン</t>
    </rPh>
    <rPh sb="6" eb="8">
      <t>カマクラ</t>
    </rPh>
    <phoneticPr fontId="2"/>
  </si>
  <si>
    <t>斉藤歯科技工室</t>
    <rPh sb="0" eb="7">
      <t>サイトウシカギコウシツ</t>
    </rPh>
    <phoneticPr fontId="6"/>
  </si>
  <si>
    <t>逗子市沼間４－５－３４</t>
    <rPh sb="0" eb="3">
      <t>ズシシ</t>
    </rPh>
    <rPh sb="3" eb="5">
      <t>ヌママ</t>
    </rPh>
    <phoneticPr fontId="6"/>
  </si>
  <si>
    <t>斎藤　浩史</t>
    <rPh sb="0" eb="2">
      <t>サイトウ</t>
    </rPh>
    <rPh sb="3" eb="4">
      <t>ヒロシ</t>
    </rPh>
    <rPh sb="4" eb="5">
      <t>シ</t>
    </rPh>
    <phoneticPr fontId="8"/>
  </si>
  <si>
    <t>　神奈川県-鎌倉-25</t>
    <rPh sb="1" eb="5">
      <t>カナガワケン</t>
    </rPh>
    <rPh sb="6" eb="8">
      <t>カマクラ</t>
    </rPh>
    <phoneticPr fontId="2"/>
  </si>
  <si>
    <t>ｲﾅﾓﾘ ﾃﾞﾝﾀﾙｱｰﾂ</t>
  </si>
  <si>
    <t>逗子市久木３－１０－３</t>
    <rPh sb="0" eb="3">
      <t>ズシシ</t>
    </rPh>
    <rPh sb="3" eb="5">
      <t>ヒサキ</t>
    </rPh>
    <phoneticPr fontId="6"/>
  </si>
  <si>
    <t>稲森  宏之</t>
    <rPh sb="0" eb="1">
      <t>イネ</t>
    </rPh>
    <rPh sb="1" eb="2">
      <t>モリ</t>
    </rPh>
    <rPh sb="4" eb="5">
      <t>ヒロシ</t>
    </rPh>
    <rPh sb="5" eb="6">
      <t>コレ</t>
    </rPh>
    <phoneticPr fontId="6"/>
  </si>
  <si>
    <t>　神奈川県-鎌倉-26</t>
    <rPh sb="1" eb="5">
      <t>カナガワケン</t>
    </rPh>
    <rPh sb="6" eb="8">
      <t>カマクラ</t>
    </rPh>
    <phoneticPr fontId="2"/>
  </si>
  <si>
    <t>有限会社西山デンタルワークス</t>
    <rPh sb="4" eb="6">
      <t>ニシヤマ</t>
    </rPh>
    <phoneticPr fontId="6"/>
  </si>
  <si>
    <t>逗子市山の根１－１－３２</t>
    <rPh sb="0" eb="3">
      <t>ズシシ</t>
    </rPh>
    <rPh sb="3" eb="6">
      <t>ヤマノネ</t>
    </rPh>
    <phoneticPr fontId="6"/>
  </si>
  <si>
    <t>　神奈川県-鎌倉-27</t>
    <rPh sb="1" eb="5">
      <t>カナガワケン</t>
    </rPh>
    <rPh sb="6" eb="8">
      <t>カマクラ</t>
    </rPh>
    <phoneticPr fontId="2"/>
  </si>
  <si>
    <t>Ｋ’ｚ　Ｄｅｎｔａｌ　Ｌａｂｏ</t>
  </si>
  <si>
    <t>逗子市山の根１－５－１５</t>
    <rPh sb="0" eb="3">
      <t>ズシシ</t>
    </rPh>
    <rPh sb="3" eb="6">
      <t>ヤマノネ</t>
    </rPh>
    <phoneticPr fontId="6"/>
  </si>
  <si>
    <t>原田　英介</t>
    <rPh sb="0" eb="2">
      <t>ハラダ</t>
    </rPh>
    <rPh sb="3" eb="5">
      <t>エイスケ</t>
    </rPh>
    <phoneticPr fontId="2"/>
  </si>
  <si>
    <t>　神奈川県-鎌倉-28</t>
    <rPh sb="1" eb="5">
      <t>カナガワケン</t>
    </rPh>
    <rPh sb="6" eb="8">
      <t>カマクラ</t>
    </rPh>
    <phoneticPr fontId="2"/>
  </si>
  <si>
    <t>アキバ・デンタル・ルーム</t>
  </si>
  <si>
    <t>葉山町一色１１０４</t>
    <rPh sb="0" eb="2">
      <t>ハヤマ</t>
    </rPh>
    <rPh sb="2" eb="3">
      <t>マチ</t>
    </rPh>
    <rPh sb="3" eb="5">
      <t>イッシキ</t>
    </rPh>
    <phoneticPr fontId="6"/>
  </si>
  <si>
    <t>秋葉　裕之</t>
    <rPh sb="0" eb="1">
      <t>アキ</t>
    </rPh>
    <rPh sb="1" eb="2">
      <t>ハ</t>
    </rPh>
    <rPh sb="3" eb="4">
      <t>ユタカ</t>
    </rPh>
    <rPh sb="4" eb="5">
      <t>コレ</t>
    </rPh>
    <phoneticPr fontId="6"/>
  </si>
  <si>
    <t>　神奈川県-鎌倉-29</t>
    <rPh sb="1" eb="5">
      <t>カナガワケン</t>
    </rPh>
    <rPh sb="6" eb="8">
      <t>カマクラ</t>
    </rPh>
    <phoneticPr fontId="2"/>
  </si>
  <si>
    <t>アクアデンタルラボラトリー</t>
  </si>
  <si>
    <t>葉山町一色１６７７－３７</t>
    <rPh sb="0" eb="2">
      <t>ハヤマ</t>
    </rPh>
    <rPh sb="2" eb="3">
      <t>マチ</t>
    </rPh>
    <rPh sb="3" eb="5">
      <t>イッシキ</t>
    </rPh>
    <phoneticPr fontId="6"/>
  </si>
  <si>
    <t>平間　吉行</t>
    <rPh sb="0" eb="2">
      <t>ヒラマ</t>
    </rPh>
    <rPh sb="3" eb="5">
      <t>ヨシユキ</t>
    </rPh>
    <phoneticPr fontId="6"/>
  </si>
  <si>
    <t>　神奈川県-鎌倉-30</t>
    <rPh sb="1" eb="5">
      <t>カナガワケン</t>
    </rPh>
    <rPh sb="6" eb="8">
      <t>カマクラ</t>
    </rPh>
    <phoneticPr fontId="2"/>
  </si>
  <si>
    <t>アランＤ.Ｌ</t>
  </si>
  <si>
    <t>葉山町長柄１１７８</t>
    <rPh sb="0" eb="2">
      <t>ハヤマ</t>
    </rPh>
    <rPh sb="2" eb="3">
      <t>マチ</t>
    </rPh>
    <rPh sb="3" eb="5">
      <t>ナガエ</t>
    </rPh>
    <phoneticPr fontId="6"/>
  </si>
  <si>
    <t>荒井　順</t>
    <rPh sb="0" eb="1">
      <t>アラ</t>
    </rPh>
    <rPh sb="1" eb="2">
      <t>イ</t>
    </rPh>
    <rPh sb="3" eb="4">
      <t>ジュン</t>
    </rPh>
    <phoneticPr fontId="6"/>
  </si>
  <si>
    <t>　神奈川県-鎌倉-31</t>
    <rPh sb="1" eb="5">
      <t>カナガワケン</t>
    </rPh>
    <rPh sb="6" eb="8">
      <t>カマクラ</t>
    </rPh>
    <phoneticPr fontId="2"/>
  </si>
  <si>
    <t>葉山デンタルラボ</t>
    <rPh sb="0" eb="2">
      <t>ハヤマ</t>
    </rPh>
    <phoneticPr fontId="6"/>
  </si>
  <si>
    <t>葉山町長柄６５４－１１</t>
    <rPh sb="0" eb="2">
      <t>ハヤマ</t>
    </rPh>
    <rPh sb="2" eb="3">
      <t>マチ</t>
    </rPh>
    <rPh sb="3" eb="5">
      <t>ナガエ</t>
    </rPh>
    <phoneticPr fontId="6"/>
  </si>
  <si>
    <t>水野　良輔</t>
    <rPh sb="0" eb="2">
      <t>ミズノ</t>
    </rPh>
    <rPh sb="3" eb="5">
      <t>リョウスケ</t>
    </rPh>
    <phoneticPr fontId="6"/>
  </si>
  <si>
    <t>　神奈川県-鎌倉-32</t>
    <rPh sb="1" eb="5">
      <t>カナガワケン</t>
    </rPh>
    <rPh sb="6" eb="8">
      <t>カマクラ</t>
    </rPh>
    <phoneticPr fontId="2"/>
  </si>
  <si>
    <t>RNJ Ortho Labo</t>
  </si>
  <si>
    <t>逗子市逗子４－１－１６－２０８</t>
    <rPh sb="0" eb="3">
      <t>ズシシ</t>
    </rPh>
    <rPh sb="3" eb="5">
      <t>ズシ</t>
    </rPh>
    <phoneticPr fontId="2"/>
  </si>
  <si>
    <t>中　理絵</t>
    <rPh sb="0" eb="1">
      <t>ナカ</t>
    </rPh>
    <rPh sb="2" eb="4">
      <t>リエ</t>
    </rPh>
    <phoneticPr fontId="2"/>
  </si>
  <si>
    <t>鎌倉市鎌倉山３－１４－４４</t>
    <rPh sb="0" eb="3">
      <t>カマクラシ</t>
    </rPh>
    <rPh sb="3" eb="5">
      <t>カマクラ</t>
    </rPh>
    <rPh sb="5" eb="6">
      <t>ヤマ</t>
    </rPh>
    <phoneticPr fontId="7"/>
  </si>
  <si>
    <t>鎌倉市ホームページにて、手広６４５から住居表示実施（S.60.8.5）による変更を確認。明細地図にて同住所地に開設者の氏名を確認。</t>
    <rPh sb="0" eb="3">
      <t>カマクラシ</t>
    </rPh>
    <rPh sb="12" eb="14">
      <t>テビロ</t>
    </rPh>
    <rPh sb="19" eb="21">
      <t>ジュウキョ</t>
    </rPh>
    <rPh sb="21" eb="23">
      <t>ヒョウジ</t>
    </rPh>
    <rPh sb="23" eb="25">
      <t>ジッシ</t>
    </rPh>
    <rPh sb="38" eb="40">
      <t>ヘンコウ</t>
    </rPh>
    <rPh sb="41" eb="43">
      <t>カクニン</t>
    </rPh>
    <rPh sb="44" eb="46">
      <t>メイサイ</t>
    </rPh>
    <rPh sb="46" eb="48">
      <t>チズ</t>
    </rPh>
    <rPh sb="50" eb="51">
      <t>ドウ</t>
    </rPh>
    <rPh sb="51" eb="53">
      <t>ジュウショ</t>
    </rPh>
    <rPh sb="53" eb="54">
      <t>チ</t>
    </rPh>
    <rPh sb="55" eb="57">
      <t>カイセツ</t>
    </rPh>
    <rPh sb="57" eb="58">
      <t>シャ</t>
    </rPh>
    <rPh sb="59" eb="61">
      <t>シメイ</t>
    </rPh>
    <rPh sb="62" eb="64">
      <t>カクニン</t>
    </rPh>
    <phoneticPr fontId="1"/>
  </si>
  <si>
    <t>ゆきち矯正デンタルラボ</t>
    <rPh sb="3" eb="5">
      <t>キョウセイ</t>
    </rPh>
    <phoneticPr fontId="2"/>
  </si>
  <si>
    <t>鎌倉市大船３－１１－２５</t>
    <rPh sb="0" eb="3">
      <t>カマクラシ</t>
    </rPh>
    <rPh sb="3" eb="5">
      <t>オオフナ</t>
    </rPh>
    <phoneticPr fontId="2"/>
  </si>
  <si>
    <t>武内　雄一郎</t>
    <rPh sb="0" eb="2">
      <t>タケウチ</t>
    </rPh>
    <rPh sb="3" eb="6">
      <t>ユウイチロウ</t>
    </rPh>
    <phoneticPr fontId="2"/>
  </si>
  <si>
    <t>　神奈川県-鎌倉-36</t>
    <rPh sb="1" eb="5">
      <t>カナガワケン</t>
    </rPh>
    <rPh sb="6" eb="8">
      <t>カマクラ</t>
    </rPh>
    <phoneticPr fontId="2"/>
  </si>
  <si>
    <t>※「神奈川県-鎌倉-1/33/34/35」は欠番</t>
    <rPh sb="22" eb="24">
      <t>ケツバン</t>
    </rPh>
    <phoneticPr fontId="2"/>
  </si>
  <si>
    <t>令和８年１月１日時点</t>
    <rPh sb="0" eb="2">
      <t>レイワ</t>
    </rPh>
    <rPh sb="3" eb="4">
      <t>ネン</t>
    </rPh>
    <rPh sb="5" eb="6">
      <t>ガツ</t>
    </rPh>
    <rPh sb="7" eb="8">
      <t>ニチ</t>
    </rPh>
    <rPh sb="8" eb="10">
      <t>ジ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scheme val="minor"/>
    </font>
    <font>
      <b/>
      <sz val="12"/>
      <name val="游ゴシック"/>
      <family val="3"/>
      <charset val="128"/>
    </font>
    <font>
      <sz val="6"/>
      <name val="游ゴシック"/>
      <family val="3"/>
      <charset val="128"/>
      <scheme val="minor"/>
    </font>
    <font>
      <sz val="11"/>
      <name val="游ゴシック"/>
      <family val="3"/>
      <charset val="128"/>
    </font>
    <font>
      <sz val="9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游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0" fontId="6" fillId="0" borderId="0"/>
  </cellStyleXfs>
  <cellXfs count="14">
    <xf numFmtId="0" fontId="0" fillId="0" borderId="0" xfId="0"/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indent="1"/>
    </xf>
    <xf numFmtId="0" fontId="4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9" fillId="3" borderId="0" xfId="1" applyFont="1" applyFill="1" applyBorder="1" applyAlignment="1">
      <alignment horizontal="left" vertical="center" wrapText="1" indent="1"/>
    </xf>
    <xf numFmtId="0" fontId="9" fillId="0" borderId="0" xfId="0" applyFont="1" applyBorder="1" applyAlignment="1">
      <alignment horizontal="left" vertical="center" indent="1"/>
    </xf>
    <xf numFmtId="0" fontId="3" fillId="3" borderId="2" xfId="1" applyFont="1" applyFill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shrinkToFit="1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G37"/>
  <sheetViews>
    <sheetView showGridLines="0" tabSelected="1" zoomScale="91" zoomScaleNormal="91" zoomScaleSheetLayoutView="85" workbookViewId="0">
      <selection activeCell="B1" sqref="B1:F1"/>
    </sheetView>
  </sheetViews>
  <sheetFormatPr defaultColWidth="7.8984375" defaultRowHeight="18" x14ac:dyDescent="0.45"/>
  <cols>
    <col min="1" max="1" width="3" style="1" customWidth="1"/>
    <col min="2" max="2" width="19.296875" style="1" customWidth="1"/>
    <col min="3" max="3" width="27.296875" style="2" customWidth="1"/>
    <col min="4" max="4" width="34.59765625" style="2" customWidth="1"/>
    <col min="5" max="5" width="24.19921875" style="2" customWidth="1"/>
    <col min="6" max="6" width="13" style="2" customWidth="1"/>
    <col min="7" max="7" width="3.5" style="1" customWidth="1"/>
    <col min="8" max="16384" width="7.8984375" style="1"/>
  </cols>
  <sheetData>
    <row r="1" spans="2:6" ht="23.25" customHeight="1" x14ac:dyDescent="0.45">
      <c r="B1" s="13" t="s">
        <v>0</v>
      </c>
      <c r="C1" s="13"/>
      <c r="D1" s="13"/>
      <c r="E1" s="13"/>
      <c r="F1" s="13"/>
    </row>
    <row r="2" spans="2:6" ht="5.25" customHeight="1" x14ac:dyDescent="0.45"/>
    <row r="3" spans="2:6" ht="24" customHeight="1" x14ac:dyDescent="0.45">
      <c r="B3" s="3" t="s">
        <v>1</v>
      </c>
      <c r="F3" s="4" t="s">
        <v>132</v>
      </c>
    </row>
    <row r="4" spans="2:6" ht="24" customHeight="1" x14ac:dyDescent="0.45">
      <c r="B4" s="11" t="s">
        <v>2</v>
      </c>
      <c r="C4" s="12" t="s">
        <v>3</v>
      </c>
      <c r="D4" s="12" t="s">
        <v>4</v>
      </c>
      <c r="E4" s="12" t="s">
        <v>5</v>
      </c>
      <c r="F4" s="12" t="s">
        <v>6</v>
      </c>
    </row>
    <row r="5" spans="2:6" ht="24" customHeight="1" x14ac:dyDescent="0.45">
      <c r="B5" s="5" t="s">
        <v>7</v>
      </c>
      <c r="C5" s="9" t="s">
        <v>8</v>
      </c>
      <c r="D5" s="9" t="s">
        <v>9</v>
      </c>
      <c r="E5" s="9" t="s">
        <v>8</v>
      </c>
      <c r="F5" s="10"/>
    </row>
    <row r="6" spans="2:6" ht="24" customHeight="1" x14ac:dyDescent="0.45">
      <c r="B6" s="5" t="s">
        <v>10</v>
      </c>
      <c r="C6" s="9" t="s">
        <v>11</v>
      </c>
      <c r="D6" s="9" t="s">
        <v>12</v>
      </c>
      <c r="E6" s="9" t="s">
        <v>11</v>
      </c>
      <c r="F6" s="10"/>
    </row>
    <row r="7" spans="2:6" ht="24" customHeight="1" x14ac:dyDescent="0.45">
      <c r="B7" s="5" t="s">
        <v>13</v>
      </c>
      <c r="C7" s="9" t="s">
        <v>14</v>
      </c>
      <c r="D7" s="9" t="s">
        <v>15</v>
      </c>
      <c r="E7" s="9" t="s">
        <v>16</v>
      </c>
      <c r="F7" s="10"/>
    </row>
    <row r="8" spans="2:6" ht="24" customHeight="1" x14ac:dyDescent="0.45">
      <c r="B8" s="5" t="s">
        <v>17</v>
      </c>
      <c r="C8" s="9" t="s">
        <v>18</v>
      </c>
      <c r="D8" s="9" t="s">
        <v>19</v>
      </c>
      <c r="E8" s="9" t="s">
        <v>20</v>
      </c>
      <c r="F8" s="10"/>
    </row>
    <row r="9" spans="2:6" ht="24" customHeight="1" x14ac:dyDescent="0.45">
      <c r="B9" s="5" t="s">
        <v>21</v>
      </c>
      <c r="C9" s="9" t="s">
        <v>22</v>
      </c>
      <c r="D9" s="9" t="s">
        <v>23</v>
      </c>
      <c r="E9" s="9" t="s">
        <v>24</v>
      </c>
      <c r="F9" s="10"/>
    </row>
    <row r="10" spans="2:6" ht="24" customHeight="1" x14ac:dyDescent="0.45">
      <c r="B10" s="5" t="s">
        <v>25</v>
      </c>
      <c r="C10" s="9" t="s">
        <v>26</v>
      </c>
      <c r="D10" s="9" t="s">
        <v>27</v>
      </c>
      <c r="E10" s="9" t="s">
        <v>26</v>
      </c>
      <c r="F10" s="10"/>
    </row>
    <row r="11" spans="2:6" ht="24" customHeight="1" x14ac:dyDescent="0.45">
      <c r="B11" s="5" t="s">
        <v>28</v>
      </c>
      <c r="C11" s="9" t="s">
        <v>29</v>
      </c>
      <c r="D11" s="9" t="s">
        <v>30</v>
      </c>
      <c r="E11" s="9" t="s">
        <v>31</v>
      </c>
      <c r="F11" s="10"/>
    </row>
    <row r="12" spans="2:6" ht="24" customHeight="1" x14ac:dyDescent="0.45">
      <c r="B12" s="5" t="s">
        <v>32</v>
      </c>
      <c r="C12" s="9" t="s">
        <v>33</v>
      </c>
      <c r="D12" s="9" t="s">
        <v>34</v>
      </c>
      <c r="E12" s="9" t="s">
        <v>35</v>
      </c>
      <c r="F12" s="10"/>
    </row>
    <row r="13" spans="2:6" ht="24" customHeight="1" x14ac:dyDescent="0.45">
      <c r="B13" s="5" t="s">
        <v>36</v>
      </c>
      <c r="C13" s="9" t="s">
        <v>37</v>
      </c>
      <c r="D13" s="9" t="s">
        <v>38</v>
      </c>
      <c r="E13" s="9" t="s">
        <v>39</v>
      </c>
      <c r="F13" s="10"/>
    </row>
    <row r="14" spans="2:6" ht="24" customHeight="1" x14ac:dyDescent="0.45">
      <c r="B14" s="5" t="s">
        <v>40</v>
      </c>
      <c r="C14" s="9" t="s">
        <v>41</v>
      </c>
      <c r="D14" s="9" t="s">
        <v>125</v>
      </c>
      <c r="E14" s="9" t="s">
        <v>42</v>
      </c>
      <c r="F14" s="10" t="s">
        <v>126</v>
      </c>
    </row>
    <row r="15" spans="2:6" ht="24" customHeight="1" x14ac:dyDescent="0.45">
      <c r="B15" s="5" t="s">
        <v>43</v>
      </c>
      <c r="C15" s="9" t="s">
        <v>44</v>
      </c>
      <c r="D15" s="9" t="s">
        <v>45</v>
      </c>
      <c r="E15" s="9" t="s">
        <v>46</v>
      </c>
      <c r="F15" s="10"/>
    </row>
    <row r="16" spans="2:6" ht="24" customHeight="1" x14ac:dyDescent="0.45">
      <c r="B16" s="5" t="s">
        <v>47</v>
      </c>
      <c r="C16" s="9" t="s">
        <v>48</v>
      </c>
      <c r="D16" s="9" t="s">
        <v>49</v>
      </c>
      <c r="E16" s="9" t="s">
        <v>50</v>
      </c>
      <c r="F16" s="10"/>
    </row>
    <row r="17" spans="2:7" ht="24" customHeight="1" x14ac:dyDescent="0.45">
      <c r="B17" s="5" t="s">
        <v>51</v>
      </c>
      <c r="C17" s="9" t="s">
        <v>52</v>
      </c>
      <c r="D17" s="9" t="s">
        <v>53</v>
      </c>
      <c r="E17" s="9" t="s">
        <v>54</v>
      </c>
      <c r="F17" s="10"/>
    </row>
    <row r="18" spans="2:7" ht="24" customHeight="1" x14ac:dyDescent="0.45">
      <c r="B18" s="5" t="s">
        <v>55</v>
      </c>
      <c r="C18" s="9" t="s">
        <v>56</v>
      </c>
      <c r="D18" s="9" t="s">
        <v>57</v>
      </c>
      <c r="E18" s="9" t="s">
        <v>58</v>
      </c>
      <c r="F18" s="10"/>
    </row>
    <row r="19" spans="2:7" ht="32.4" customHeight="1" x14ac:dyDescent="0.45">
      <c r="B19" s="5" t="s">
        <v>59</v>
      </c>
      <c r="C19" s="9" t="s">
        <v>60</v>
      </c>
      <c r="D19" s="9" t="s">
        <v>61</v>
      </c>
      <c r="E19" s="9" t="s">
        <v>62</v>
      </c>
      <c r="F19" s="10"/>
    </row>
    <row r="20" spans="2:7" ht="34.799999999999997" customHeight="1" x14ac:dyDescent="0.45">
      <c r="B20" s="5" t="s">
        <v>63</v>
      </c>
      <c r="C20" s="9" t="s">
        <v>64</v>
      </c>
      <c r="D20" s="9" t="s">
        <v>65</v>
      </c>
      <c r="E20" s="9" t="s">
        <v>66</v>
      </c>
      <c r="F20" s="10"/>
    </row>
    <row r="21" spans="2:7" ht="24" customHeight="1" x14ac:dyDescent="0.45">
      <c r="B21" s="5" t="s">
        <v>67</v>
      </c>
      <c r="C21" s="9" t="s">
        <v>68</v>
      </c>
      <c r="D21" s="9" t="s">
        <v>69</v>
      </c>
      <c r="E21" s="9" t="s">
        <v>70</v>
      </c>
      <c r="F21" s="5"/>
    </row>
    <row r="22" spans="2:7" ht="24" customHeight="1" x14ac:dyDescent="0.45">
      <c r="B22" s="5" t="s">
        <v>71</v>
      </c>
      <c r="C22" s="9" t="s">
        <v>72</v>
      </c>
      <c r="D22" s="9" t="s">
        <v>73</v>
      </c>
      <c r="E22" s="9" t="s">
        <v>72</v>
      </c>
      <c r="F22" s="5"/>
    </row>
    <row r="23" spans="2:7" ht="24" customHeight="1" x14ac:dyDescent="0.45">
      <c r="B23" s="5" t="s">
        <v>74</v>
      </c>
      <c r="C23" s="9" t="s">
        <v>75</v>
      </c>
      <c r="D23" s="9" t="s">
        <v>76</v>
      </c>
      <c r="E23" s="9" t="s">
        <v>77</v>
      </c>
      <c r="F23" s="5"/>
    </row>
    <row r="24" spans="2:7" ht="24" customHeight="1" x14ac:dyDescent="0.45">
      <c r="B24" s="5" t="s">
        <v>78</v>
      </c>
      <c r="C24" s="9" t="s">
        <v>79</v>
      </c>
      <c r="D24" s="9" t="s">
        <v>80</v>
      </c>
      <c r="E24" s="9" t="s">
        <v>81</v>
      </c>
      <c r="F24" s="5"/>
    </row>
    <row r="25" spans="2:7" ht="24" customHeight="1" x14ac:dyDescent="0.45">
      <c r="B25" s="5" t="s">
        <v>82</v>
      </c>
      <c r="C25" s="9" t="s">
        <v>83</v>
      </c>
      <c r="D25" s="9" t="s">
        <v>84</v>
      </c>
      <c r="E25" s="9" t="s">
        <v>85</v>
      </c>
      <c r="F25" s="5"/>
      <c r="G25" s="6"/>
    </row>
    <row r="26" spans="2:7" ht="24" customHeight="1" x14ac:dyDescent="0.45">
      <c r="B26" s="5" t="s">
        <v>86</v>
      </c>
      <c r="C26" s="9" t="s">
        <v>87</v>
      </c>
      <c r="D26" s="9" t="s">
        <v>88</v>
      </c>
      <c r="E26" s="9" t="s">
        <v>89</v>
      </c>
      <c r="F26" s="5"/>
      <c r="G26" s="6"/>
    </row>
    <row r="27" spans="2:7" ht="24" customHeight="1" x14ac:dyDescent="0.45">
      <c r="B27" s="5" t="s">
        <v>90</v>
      </c>
      <c r="C27" s="9" t="s">
        <v>91</v>
      </c>
      <c r="D27" s="9" t="s">
        <v>92</v>
      </c>
      <c r="E27" s="9" t="s">
        <v>93</v>
      </c>
      <c r="F27" s="5"/>
      <c r="G27" s="6"/>
    </row>
    <row r="28" spans="2:7" ht="24" customHeight="1" x14ac:dyDescent="0.45">
      <c r="B28" s="5" t="s">
        <v>94</v>
      </c>
      <c r="C28" s="9" t="s">
        <v>95</v>
      </c>
      <c r="D28" s="9" t="s">
        <v>96</v>
      </c>
      <c r="E28" s="9" t="s">
        <v>97</v>
      </c>
      <c r="F28" s="5"/>
      <c r="G28" s="6"/>
    </row>
    <row r="29" spans="2:7" ht="24" customHeight="1" x14ac:dyDescent="0.45">
      <c r="B29" s="5" t="s">
        <v>98</v>
      </c>
      <c r="C29" s="9" t="s">
        <v>99</v>
      </c>
      <c r="D29" s="9" t="s">
        <v>100</v>
      </c>
      <c r="E29" s="9" t="s">
        <v>99</v>
      </c>
      <c r="F29" s="5"/>
      <c r="G29" s="6"/>
    </row>
    <row r="30" spans="2:7" ht="24" customHeight="1" x14ac:dyDescent="0.45">
      <c r="B30" s="5" t="s">
        <v>101</v>
      </c>
      <c r="C30" s="9" t="s">
        <v>102</v>
      </c>
      <c r="D30" s="9" t="s">
        <v>103</v>
      </c>
      <c r="E30" s="9" t="s">
        <v>104</v>
      </c>
      <c r="F30" s="5"/>
      <c r="G30" s="6"/>
    </row>
    <row r="31" spans="2:7" ht="24" customHeight="1" x14ac:dyDescent="0.45">
      <c r="B31" s="5" t="s">
        <v>105</v>
      </c>
      <c r="C31" s="9" t="s">
        <v>106</v>
      </c>
      <c r="D31" s="9" t="s">
        <v>107</v>
      </c>
      <c r="E31" s="9" t="s">
        <v>108</v>
      </c>
      <c r="F31" s="5"/>
      <c r="G31" s="6"/>
    </row>
    <row r="32" spans="2:7" ht="24" customHeight="1" x14ac:dyDescent="0.45">
      <c r="B32" s="5" t="s">
        <v>109</v>
      </c>
      <c r="C32" s="9" t="s">
        <v>110</v>
      </c>
      <c r="D32" s="9" t="s">
        <v>111</v>
      </c>
      <c r="E32" s="9" t="s">
        <v>112</v>
      </c>
      <c r="F32" s="5"/>
    </row>
    <row r="33" spans="2:6" ht="24" customHeight="1" x14ac:dyDescent="0.45">
      <c r="B33" s="5" t="s">
        <v>113</v>
      </c>
      <c r="C33" s="9" t="s">
        <v>114</v>
      </c>
      <c r="D33" s="9" t="s">
        <v>115</v>
      </c>
      <c r="E33" s="9" t="s">
        <v>116</v>
      </c>
      <c r="F33" s="5"/>
    </row>
    <row r="34" spans="2:6" ht="24" customHeight="1" x14ac:dyDescent="0.45">
      <c r="B34" s="5" t="s">
        <v>117</v>
      </c>
      <c r="C34" s="9" t="s">
        <v>118</v>
      </c>
      <c r="D34" s="9" t="s">
        <v>119</v>
      </c>
      <c r="E34" s="9" t="s">
        <v>120</v>
      </c>
      <c r="F34" s="5"/>
    </row>
    <row r="35" spans="2:6" ht="24" customHeight="1" x14ac:dyDescent="0.45">
      <c r="B35" s="5" t="s">
        <v>121</v>
      </c>
      <c r="C35" s="9" t="s">
        <v>122</v>
      </c>
      <c r="D35" s="9" t="s">
        <v>123</v>
      </c>
      <c r="E35" s="9" t="s">
        <v>124</v>
      </c>
      <c r="F35" s="5"/>
    </row>
    <row r="36" spans="2:6" ht="24" customHeight="1" x14ac:dyDescent="0.45">
      <c r="B36" s="5" t="s">
        <v>130</v>
      </c>
      <c r="C36" s="9" t="s">
        <v>127</v>
      </c>
      <c r="D36" s="9" t="s">
        <v>128</v>
      </c>
      <c r="E36" s="9" t="s">
        <v>129</v>
      </c>
      <c r="F36" s="5"/>
    </row>
    <row r="37" spans="2:6" ht="26.25" customHeight="1" x14ac:dyDescent="0.45">
      <c r="B37" s="3" t="s">
        <v>131</v>
      </c>
      <c r="C37" s="7"/>
      <c r="D37" s="7"/>
      <c r="E37" s="7"/>
      <c r="F37" s="8"/>
    </row>
  </sheetData>
  <mergeCells count="1">
    <mergeCell ref="B1:F1"/>
  </mergeCells>
  <phoneticPr fontId="2"/>
  <printOptions horizontalCentered="1"/>
  <pageMargins left="0.70866141732283472" right="0.70866141732283472" top="0.98425196850393704" bottom="0.78740157480314965" header="0.59055118110236227" footer="0.39370078740157483"/>
  <pageSetup paperSize="9" scale="4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鎌倉HWC_20250501</vt:lpstr>
      <vt:lpstr>鎌倉HWC_20250501!Print_Area</vt:lpstr>
      <vt:lpstr>鎌倉HWC_2025050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10-28T04:17:52Z</dcterms:created>
  <dcterms:modified xsi:type="dcterms:W3CDTF">2026-01-13T09:04:03Z</dcterms:modified>
</cp:coreProperties>
</file>